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C:\Users\s00056\Desktop\HP用\"/>
    </mc:Choice>
  </mc:AlternateContent>
  <xr:revisionPtr revIDLastSave="0" documentId="13_ncr:1_{23FC476A-B4A0-4697-972E-145D3AB11BCC}" xr6:coauthVersionLast="47" xr6:coauthVersionMax="47" xr10:uidLastSave="{00000000-0000-0000-0000-000000000000}"/>
  <bookViews>
    <workbookView xWindow="28680" yWindow="-120" windowWidth="20730" windowHeight="11040" xr2:uid="{00000000-000D-0000-FFFF-FFFF00000000}"/>
  </bookViews>
  <sheets>
    <sheet name="地域づくり" sheetId="1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50" uniqueCount="138">
  <si>
    <t>番号</t>
    <rPh sb="0" eb="2">
      <t>バンゴウ</t>
    </rPh>
    <phoneticPr fontId="1"/>
  </si>
  <si>
    <t>書籍名</t>
    <rPh sb="0" eb="2">
      <t>ショセキ</t>
    </rPh>
    <rPh sb="2" eb="3">
      <t>メイ</t>
    </rPh>
    <phoneticPr fontId="1"/>
  </si>
  <si>
    <t>著者</t>
    <rPh sb="0" eb="2">
      <t>チョシャ</t>
    </rPh>
    <phoneticPr fontId="1"/>
  </si>
  <si>
    <t>出版社</t>
    <rPh sb="0" eb="3">
      <t>シュッパンシャ</t>
    </rPh>
    <phoneticPr fontId="1"/>
  </si>
  <si>
    <t>国土社</t>
    <phoneticPr fontId="1"/>
  </si>
  <si>
    <t>学文社</t>
    <phoneticPr fontId="1"/>
  </si>
  <si>
    <t>全国公民館連合会</t>
    <phoneticPr fontId="1"/>
  </si>
  <si>
    <t>ちくま新書</t>
    <phoneticPr fontId="1"/>
  </si>
  <si>
    <t>東京大学出版会</t>
    <phoneticPr fontId="1"/>
  </si>
  <si>
    <t>自治体研究社</t>
    <phoneticPr fontId="1"/>
  </si>
  <si>
    <t>学陽書房</t>
    <phoneticPr fontId="1"/>
  </si>
  <si>
    <t>山崎亮</t>
    <phoneticPr fontId="1"/>
  </si>
  <si>
    <t>中公新書</t>
    <phoneticPr fontId="1"/>
  </si>
  <si>
    <t>講談社現代新書</t>
    <phoneticPr fontId="1"/>
  </si>
  <si>
    <t>つながらないつながる社会学</t>
    <phoneticPr fontId="1"/>
  </si>
  <si>
    <t>永田攻一　田所承己</t>
    <phoneticPr fontId="1"/>
  </si>
  <si>
    <t>弘文堂</t>
    <phoneticPr fontId="1"/>
  </si>
  <si>
    <t>太郎次郎社エディタス</t>
    <phoneticPr fontId="1"/>
  </si>
  <si>
    <t>学事出版</t>
    <phoneticPr fontId="1"/>
  </si>
  <si>
    <t>朝日新聞出版</t>
    <phoneticPr fontId="1"/>
  </si>
  <si>
    <t>日本経済新聞出版社</t>
    <phoneticPr fontId="1"/>
  </si>
  <si>
    <t>まちづくりを学ぶ　地域再生の見取り図</t>
    <phoneticPr fontId="1"/>
  </si>
  <si>
    <t>石原武政   西村幸夫</t>
    <phoneticPr fontId="1"/>
  </si>
  <si>
    <t>有斐閣ブックス</t>
    <phoneticPr fontId="1"/>
  </si>
  <si>
    <t>住民・行政・ＮＰＯ協働で進める　最新　地域再生マニュアル</t>
    <phoneticPr fontId="1"/>
  </si>
  <si>
    <t>山浦晴男</t>
    <phoneticPr fontId="1"/>
  </si>
  <si>
    <t>若者と地域をつくる　地域づくりインターンに学ぶ学生と農山村の協働</t>
    <phoneticPr fontId="1"/>
  </si>
  <si>
    <t>木下勇  佐久間康富  筒井一伸</t>
    <phoneticPr fontId="1"/>
  </si>
  <si>
    <t>原書房</t>
    <phoneticPr fontId="1"/>
  </si>
  <si>
    <t>〈地域人〉とまちづくり</t>
    <phoneticPr fontId="1"/>
  </si>
  <si>
    <t>中沢孝夫</t>
    <phoneticPr fontId="1"/>
  </si>
  <si>
    <t>まちづくり道場へようこそ</t>
    <phoneticPr fontId="1"/>
  </si>
  <si>
    <t>片寄俊秀</t>
    <phoneticPr fontId="1"/>
  </si>
  <si>
    <t>学芸出版社</t>
    <phoneticPr fontId="1"/>
  </si>
  <si>
    <t>限界集落と地域再生</t>
    <phoneticPr fontId="1"/>
  </si>
  <si>
    <t>大野晃</t>
    <phoneticPr fontId="1"/>
  </si>
  <si>
    <t>高知新聞社</t>
    <phoneticPr fontId="1"/>
  </si>
  <si>
    <t>綾の共育論　自治公民館運動を核とした地域再生への道</t>
    <phoneticPr fontId="1"/>
  </si>
  <si>
    <t>浜田倫紀</t>
    <phoneticPr fontId="1"/>
  </si>
  <si>
    <t>評言社</t>
    <phoneticPr fontId="1"/>
  </si>
  <si>
    <t>公民館における災害対策ハンドブック　避難所のよりよい運営のために</t>
    <phoneticPr fontId="1"/>
  </si>
  <si>
    <t>自分たちの力でできる「まちおこし」</t>
    <phoneticPr fontId="1"/>
  </si>
  <si>
    <t>木村俊昭</t>
    <phoneticPr fontId="1"/>
  </si>
  <si>
    <t>実務教育出版</t>
    <phoneticPr fontId="1"/>
  </si>
  <si>
    <t>高齢者の生涯学習と地域活動</t>
    <phoneticPr fontId="1"/>
  </si>
  <si>
    <t>瀬沼克彰</t>
    <phoneticPr fontId="1"/>
  </si>
  <si>
    <t>コミュニティデザインの仕事</t>
    <phoneticPr fontId="1"/>
  </si>
  <si>
    <t>地域を変えるデザイン</t>
    <phoneticPr fontId="1"/>
  </si>
  <si>
    <t>Studio-L</t>
    <phoneticPr fontId="1"/>
  </si>
  <si>
    <t>株式会社ブックエンド</t>
    <phoneticPr fontId="1"/>
  </si>
  <si>
    <t>issue＋design project</t>
    <phoneticPr fontId="1"/>
  </si>
  <si>
    <t>英治出版</t>
    <phoneticPr fontId="1"/>
  </si>
  <si>
    <t>まちの幸福論</t>
    <phoneticPr fontId="1"/>
  </si>
  <si>
    <t>参加するまちづくり</t>
    <phoneticPr fontId="1"/>
  </si>
  <si>
    <t>実測！ニッポンの地域力</t>
    <phoneticPr fontId="1"/>
  </si>
  <si>
    <t>撤退の農村計画</t>
    <phoneticPr fontId="1"/>
  </si>
  <si>
    <t>ＮＨＫ出版</t>
    <phoneticPr fontId="1"/>
  </si>
  <si>
    <t>伊藤雅春</t>
    <phoneticPr fontId="1"/>
  </si>
  <si>
    <t>ＯＭ出版</t>
    <phoneticPr fontId="1"/>
  </si>
  <si>
    <t>藻谷浩介</t>
    <phoneticPr fontId="1"/>
  </si>
  <si>
    <t>林直樹</t>
    <phoneticPr fontId="1"/>
  </si>
  <si>
    <t>緑の分権改革　</t>
    <phoneticPr fontId="1"/>
  </si>
  <si>
    <t>椎川忍　　</t>
    <phoneticPr fontId="1"/>
  </si>
  <si>
    <t>まちづくりコーディネーター</t>
    <phoneticPr fontId="1"/>
  </si>
  <si>
    <t>リムボン　他</t>
    <phoneticPr fontId="1"/>
  </si>
  <si>
    <t>フューチャーセンターをつくろう</t>
    <phoneticPr fontId="1"/>
  </si>
  <si>
    <t>野村恭彦</t>
    <phoneticPr fontId="1"/>
  </si>
  <si>
    <t>プレジデント社</t>
    <phoneticPr fontId="1"/>
  </si>
  <si>
    <t>ソーシャル・キャピタル入門　孤立から絆へ</t>
    <phoneticPr fontId="1"/>
  </si>
  <si>
    <t>稲葉陽二</t>
    <phoneticPr fontId="1"/>
  </si>
  <si>
    <t>学校を基地にお父さんのまちづくり</t>
    <phoneticPr fontId="1"/>
  </si>
  <si>
    <t>岸裕司</t>
    <phoneticPr fontId="1"/>
  </si>
  <si>
    <t>太郎次郎社</t>
    <phoneticPr fontId="1"/>
  </si>
  <si>
    <t>「地域暮らし」宣言　学校はコミュニティ・アート！</t>
    <phoneticPr fontId="1"/>
  </si>
  <si>
    <t>住民幸福度に基づく都市の実力評価</t>
    <phoneticPr fontId="1"/>
  </si>
  <si>
    <t>時事通信社</t>
    <phoneticPr fontId="1"/>
  </si>
  <si>
    <t>地域再生プロデュース　参画型デザイニングの実践と効果</t>
    <phoneticPr fontId="1"/>
  </si>
  <si>
    <t>蓮見孝</t>
    <phoneticPr fontId="1"/>
  </si>
  <si>
    <t>文真堂</t>
    <phoneticPr fontId="1"/>
  </si>
  <si>
    <t>地域i生７つの視点</t>
    <phoneticPr fontId="1"/>
  </si>
  <si>
    <t>かしのたかひと  山口祐史</t>
    <phoneticPr fontId="1"/>
  </si>
  <si>
    <t>カナリア書房</t>
    <phoneticPr fontId="1"/>
  </si>
  <si>
    <t>僕たちは、島で未来を見ることにした</t>
    <phoneticPr fontId="1"/>
  </si>
  <si>
    <t>巡りの環</t>
    <phoneticPr fontId="1"/>
  </si>
  <si>
    <t>木楽舎</t>
    <phoneticPr fontId="1"/>
  </si>
  <si>
    <t>まちを元気にする！自治体制作のつくり方　地域を変革する８つの方法</t>
    <phoneticPr fontId="1"/>
  </si>
  <si>
    <t>浦野秀一</t>
    <phoneticPr fontId="1"/>
  </si>
  <si>
    <t>人間発達の地域つくりー人権を守り自治を築く社会教育ー</t>
    <phoneticPr fontId="1"/>
  </si>
  <si>
    <t>島田修一  辻浩  細山俊男  星野一人</t>
    <phoneticPr fontId="1"/>
  </si>
  <si>
    <t>ソーシャルデザイン　実践ガイド　　地域課題を解決する７つのステップ</t>
    <phoneticPr fontId="1"/>
  </si>
  <si>
    <t>筧祐介</t>
    <phoneticPr fontId="1"/>
  </si>
  <si>
    <t>つながるカフェ　コミュニティの〈場〉をつくる方法</t>
    <phoneticPr fontId="1"/>
  </si>
  <si>
    <t>山納洋</t>
    <phoneticPr fontId="1"/>
  </si>
  <si>
    <t>学芸出版</t>
    <phoneticPr fontId="1"/>
  </si>
  <si>
    <t>未来を拓く地域づくり　楽しく実践する12のヒント</t>
    <phoneticPr fontId="1"/>
  </si>
  <si>
    <t>福島明美</t>
    <phoneticPr fontId="1"/>
  </si>
  <si>
    <t>かもがわ出版</t>
    <phoneticPr fontId="1"/>
  </si>
  <si>
    <t>自己成長なくして、地域再生なし　まちで闘う方法論</t>
    <phoneticPr fontId="1"/>
  </si>
  <si>
    <t>木下斉</t>
    <phoneticPr fontId="1"/>
  </si>
  <si>
    <t>地域学習の創造　地域再生への学びを拓く</t>
    <phoneticPr fontId="1"/>
  </si>
  <si>
    <t>斉藤一子</t>
    <phoneticPr fontId="1"/>
  </si>
  <si>
    <t>地域コミュニティ論　　-地域分権への協働の構図-</t>
    <phoneticPr fontId="1"/>
  </si>
  <si>
    <t>山崎丈夫</t>
    <phoneticPr fontId="1"/>
  </si>
  <si>
    <t>地方創生大全　生き残るための２８の知恵</t>
    <phoneticPr fontId="1"/>
  </si>
  <si>
    <t>東洋経済新報社</t>
    <phoneticPr fontId="1"/>
  </si>
  <si>
    <t>地方創生に役立つ！｢地域データ分析」の教科書　ＲＥＳＡＳオープンデータ　フル活用</t>
    <phoneticPr fontId="1"/>
  </si>
  <si>
    <t>大正大学地方構想研究所</t>
    <phoneticPr fontId="1"/>
  </si>
  <si>
    <t>大正大学出版社</t>
    <phoneticPr fontId="1"/>
  </si>
  <si>
    <t>地域ではたらく「風の人」という新しい選択</t>
    <phoneticPr fontId="1"/>
  </si>
  <si>
    <t>田中輝美   藤代裕之</t>
    <phoneticPr fontId="1"/>
  </si>
  <si>
    <t>ハーベスト出版</t>
    <phoneticPr fontId="1"/>
  </si>
  <si>
    <t>縮小まちづくり　成功と失敗の分かれ目</t>
    <phoneticPr fontId="1"/>
  </si>
  <si>
    <t>米山秀隆</t>
    <phoneticPr fontId="1"/>
  </si>
  <si>
    <t>時事通信出版局</t>
    <phoneticPr fontId="1"/>
  </si>
  <si>
    <t>地域再生入門　　寄りあいワークショップのチカラ</t>
    <phoneticPr fontId="1"/>
  </si>
  <si>
    <t>地域振興論</t>
    <phoneticPr fontId="1"/>
  </si>
  <si>
    <t>小島照男</t>
    <phoneticPr fontId="1"/>
  </si>
  <si>
    <t>税務経理協会</t>
    <phoneticPr fontId="1"/>
  </si>
  <si>
    <t>持続可能な地域のつくり方</t>
    <phoneticPr fontId="1"/>
  </si>
  <si>
    <t>筧裕介</t>
    <phoneticPr fontId="1"/>
  </si>
  <si>
    <t>地域×学校×退職者×大学生×…＝∞地域学校協働活動参加のすすめ</t>
    <phoneticPr fontId="1"/>
  </si>
  <si>
    <t>潮田郁夫</t>
    <phoneticPr fontId="1"/>
  </si>
  <si>
    <t>地域づくりのヒント</t>
    <phoneticPr fontId="1"/>
  </si>
  <si>
    <t>牧瀬稔</t>
    <phoneticPr fontId="1"/>
  </si>
  <si>
    <t>社会情報大学院出版部</t>
    <phoneticPr fontId="1"/>
  </si>
  <si>
    <t>牧瀬流まちづくり　すぐに使える成功への解決</t>
    <phoneticPr fontId="1"/>
  </si>
  <si>
    <t>(一財法)経済調査会</t>
    <phoneticPr fontId="1"/>
  </si>
  <si>
    <t>地方消滅２</t>
    <phoneticPr fontId="1"/>
  </si>
  <si>
    <t>人口戦略会議</t>
    <phoneticPr fontId="1"/>
  </si>
  <si>
    <t>４．地域づくり</t>
    <rPh sb="2" eb="4">
      <t>チイキ</t>
    </rPh>
    <phoneticPr fontId="1"/>
  </si>
  <si>
    <t>発行年</t>
    <rPh sb="0" eb="3">
      <t>ハッコウネン</t>
    </rPh>
    <phoneticPr fontId="1"/>
  </si>
  <si>
    <t>上山信一　玉村雅敏　千田俊樹</t>
    <rPh sb="0" eb="1">
      <t>ウエ</t>
    </rPh>
    <rPh sb="1" eb="2">
      <t>ヤマ</t>
    </rPh>
    <rPh sb="2" eb="4">
      <t>シンイチ</t>
    </rPh>
    <rPh sb="5" eb="6">
      <t>タマ</t>
    </rPh>
    <rPh sb="6" eb="7">
      <t>ムラ</t>
    </rPh>
    <rPh sb="7" eb="8">
      <t>ミヤビ</t>
    </rPh>
    <rPh sb="8" eb="9">
      <t>トシ</t>
    </rPh>
    <rPh sb="10" eb="12">
      <t>センダ</t>
    </rPh>
    <rPh sb="12" eb="14">
      <t>トシキ</t>
    </rPh>
    <phoneticPr fontId="1"/>
  </si>
  <si>
    <t>ジオパークからはじめる地域づくり・人づくり</t>
    <phoneticPr fontId="6"/>
  </si>
  <si>
    <t>静岡新聞社</t>
  </si>
  <si>
    <t>コミュニティ自治の未来図　共創に向けた地域人材づくりへ</t>
    <phoneticPr fontId="6"/>
  </si>
  <si>
    <t>大杉覚</t>
    <phoneticPr fontId="6"/>
  </si>
  <si>
    <t>ぎょうせい</t>
    <phoneticPr fontId="6"/>
  </si>
  <si>
    <t>遠藤大介　他</t>
    <rPh sb="0" eb="2">
      <t>エンドウ</t>
    </rPh>
    <rPh sb="2" eb="4">
      <t>ダイスケ</t>
    </rPh>
    <rPh sb="5" eb="6">
      <t>ホカ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メイリオ"/>
      <family val="3"/>
      <charset val="128"/>
    </font>
    <font>
      <b/>
      <sz val="16"/>
      <color theme="1"/>
      <name val="メイリオ"/>
      <family val="3"/>
      <charset val="128"/>
    </font>
    <font>
      <sz val="9"/>
      <color theme="1"/>
      <name val="メイリオ"/>
      <family val="3"/>
      <charset val="128"/>
    </font>
    <font>
      <sz val="9"/>
      <name val="メイリオ"/>
      <family val="3"/>
      <charset val="128"/>
    </font>
    <font>
      <sz val="6"/>
      <name val="ＭＳ Ｐ明朝"/>
      <family val="1"/>
      <charset val="128"/>
    </font>
    <font>
      <sz val="9"/>
      <color rgb="FF000000"/>
      <name val="メイリオ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5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/>
    </xf>
    <xf numFmtId="0" fontId="4" fillId="0" borderId="1" xfId="0" applyFont="1" applyBorder="1">
      <alignment vertical="center"/>
    </xf>
    <xf numFmtId="0" fontId="4" fillId="0" borderId="1" xfId="0" applyFont="1" applyBorder="1" applyAlignment="1">
      <alignment vertical="center" wrapText="1"/>
    </xf>
    <xf numFmtId="0" fontId="4" fillId="0" borderId="1" xfId="0" applyFont="1" applyBorder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4" fillId="0" borderId="0" xfId="0" applyFont="1" applyBorder="1">
      <alignment vertical="center"/>
    </xf>
    <xf numFmtId="0" fontId="2" fillId="0" borderId="0" xfId="0" applyFont="1" applyBorder="1" applyAlignment="1">
      <alignment horizontal="left" vertical="center"/>
    </xf>
    <xf numFmtId="0" fontId="2" fillId="0" borderId="0" xfId="0" applyFont="1" applyBorder="1">
      <alignment vertical="center"/>
    </xf>
    <xf numFmtId="0" fontId="0" fillId="0" borderId="0" xfId="0" applyBorder="1">
      <alignment vertical="center"/>
    </xf>
    <xf numFmtId="0" fontId="0" fillId="0" borderId="0" xfId="0" applyAlignment="1">
      <alignment horizontal="left" vertical="center"/>
    </xf>
    <xf numFmtId="0" fontId="4" fillId="0" borderId="1" xfId="0" applyFont="1" applyFill="1" applyBorder="1">
      <alignment vertical="center"/>
    </xf>
    <xf numFmtId="0" fontId="5" fillId="0" borderId="1" xfId="0" applyFont="1" applyBorder="1" applyAlignment="1">
      <alignment wrapText="1" shrinkToFit="1"/>
    </xf>
    <xf numFmtId="0" fontId="7" fillId="0" borderId="1" xfId="0" applyFont="1" applyBorder="1" applyAlignment="1"/>
    <xf numFmtId="0" fontId="3" fillId="0" borderId="0" xfId="0" applyFont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E73"/>
  <sheetViews>
    <sheetView tabSelected="1" topLeftCell="A42" workbookViewId="0">
      <selection activeCell="B51" sqref="B51"/>
    </sheetView>
  </sheetViews>
  <sheetFormatPr defaultRowHeight="18" x14ac:dyDescent="0.55000000000000004"/>
  <cols>
    <col min="1" max="1" width="8.6640625" customWidth="1"/>
    <col min="2" max="2" width="60.75" customWidth="1"/>
    <col min="3" max="3" width="21.83203125" customWidth="1"/>
    <col min="4" max="4" width="21" customWidth="1"/>
  </cols>
  <sheetData>
    <row r="1" spans="1:5" ht="24" customHeight="1" x14ac:dyDescent="0.55000000000000004">
      <c r="A1" s="14" t="s">
        <v>129</v>
      </c>
      <c r="B1" s="14"/>
      <c r="C1" s="14"/>
      <c r="D1" s="14"/>
    </row>
    <row r="2" spans="1:5" x14ac:dyDescent="0.55000000000000004">
      <c r="A2" s="1" t="s">
        <v>0</v>
      </c>
      <c r="B2" s="1" t="s">
        <v>1</v>
      </c>
      <c r="C2" s="1" t="s">
        <v>2</v>
      </c>
      <c r="D2" s="1" t="s">
        <v>3</v>
      </c>
      <c r="E2" s="1" t="s">
        <v>130</v>
      </c>
    </row>
    <row r="3" spans="1:5" x14ac:dyDescent="0.55000000000000004">
      <c r="A3" s="4">
        <v>100011</v>
      </c>
      <c r="B3" s="2" t="s">
        <v>21</v>
      </c>
      <c r="C3" s="2" t="s">
        <v>22</v>
      </c>
      <c r="D3" s="2" t="s">
        <v>23</v>
      </c>
      <c r="E3" s="4">
        <v>2010</v>
      </c>
    </row>
    <row r="4" spans="1:5" x14ac:dyDescent="0.55000000000000004">
      <c r="A4" s="4">
        <v>100012</v>
      </c>
      <c r="B4" s="2" t="s">
        <v>24</v>
      </c>
      <c r="C4" s="2" t="s">
        <v>25</v>
      </c>
      <c r="D4" s="2" t="s">
        <v>19</v>
      </c>
      <c r="E4" s="4">
        <v>2010</v>
      </c>
    </row>
    <row r="5" spans="1:5" x14ac:dyDescent="0.55000000000000004">
      <c r="A5" s="4">
        <v>100014</v>
      </c>
      <c r="B5" s="4" t="s">
        <v>26</v>
      </c>
      <c r="C5" s="3" t="s">
        <v>27</v>
      </c>
      <c r="D5" s="2" t="s">
        <v>28</v>
      </c>
      <c r="E5" s="4">
        <v>2010</v>
      </c>
    </row>
    <row r="6" spans="1:5" x14ac:dyDescent="0.55000000000000004">
      <c r="A6" s="4">
        <v>100015</v>
      </c>
      <c r="B6" s="2" t="s">
        <v>29</v>
      </c>
      <c r="C6" s="2" t="s">
        <v>30</v>
      </c>
      <c r="D6" s="2" t="s">
        <v>13</v>
      </c>
      <c r="E6" s="4">
        <v>2003</v>
      </c>
    </row>
    <row r="7" spans="1:5" x14ac:dyDescent="0.55000000000000004">
      <c r="A7" s="4">
        <v>100016</v>
      </c>
      <c r="B7" s="2" t="s">
        <v>31</v>
      </c>
      <c r="C7" s="2" t="s">
        <v>32</v>
      </c>
      <c r="D7" s="2" t="s">
        <v>33</v>
      </c>
      <c r="E7" s="4">
        <v>2005</v>
      </c>
    </row>
    <row r="8" spans="1:5" x14ac:dyDescent="0.55000000000000004">
      <c r="A8" s="4">
        <v>100018</v>
      </c>
      <c r="B8" s="2" t="s">
        <v>34</v>
      </c>
      <c r="C8" s="2" t="s">
        <v>35</v>
      </c>
      <c r="D8" s="2" t="s">
        <v>36</v>
      </c>
      <c r="E8" s="4">
        <v>2008</v>
      </c>
    </row>
    <row r="9" spans="1:5" x14ac:dyDescent="0.55000000000000004">
      <c r="A9" s="4">
        <v>100019</v>
      </c>
      <c r="B9" s="2" t="s">
        <v>37</v>
      </c>
      <c r="C9" s="2" t="s">
        <v>38</v>
      </c>
      <c r="D9" s="2" t="s">
        <v>39</v>
      </c>
      <c r="E9" s="4">
        <v>2002</v>
      </c>
    </row>
    <row r="10" spans="1:5" x14ac:dyDescent="0.55000000000000004">
      <c r="A10" s="4">
        <v>110008</v>
      </c>
      <c r="B10" s="2" t="s">
        <v>40</v>
      </c>
      <c r="C10" s="2" t="s">
        <v>6</v>
      </c>
      <c r="D10" s="2" t="s">
        <v>6</v>
      </c>
      <c r="E10" s="4">
        <v>2006</v>
      </c>
    </row>
    <row r="11" spans="1:5" x14ac:dyDescent="0.55000000000000004">
      <c r="A11" s="4">
        <v>110018</v>
      </c>
      <c r="B11" s="2" t="s">
        <v>41</v>
      </c>
      <c r="C11" s="2" t="s">
        <v>42</v>
      </c>
      <c r="D11" s="2" t="s">
        <v>43</v>
      </c>
      <c r="E11" s="4">
        <v>2011</v>
      </c>
    </row>
    <row r="12" spans="1:5" x14ac:dyDescent="0.55000000000000004">
      <c r="A12" s="4">
        <v>110019</v>
      </c>
      <c r="B12" s="2" t="s">
        <v>44</v>
      </c>
      <c r="C12" s="2" t="s">
        <v>45</v>
      </c>
      <c r="D12" s="2" t="s">
        <v>5</v>
      </c>
      <c r="E12" s="4">
        <v>2010</v>
      </c>
    </row>
    <row r="13" spans="1:5" x14ac:dyDescent="0.55000000000000004">
      <c r="A13" s="4">
        <v>120006</v>
      </c>
      <c r="B13" s="2" t="s">
        <v>46</v>
      </c>
      <c r="C13" s="2" t="s">
        <v>48</v>
      </c>
      <c r="D13" s="2" t="s">
        <v>49</v>
      </c>
      <c r="E13" s="4">
        <v>2012</v>
      </c>
    </row>
    <row r="14" spans="1:5" x14ac:dyDescent="0.55000000000000004">
      <c r="A14" s="4">
        <v>120007</v>
      </c>
      <c r="B14" s="2" t="s">
        <v>47</v>
      </c>
      <c r="C14" s="2" t="s">
        <v>50</v>
      </c>
      <c r="D14" s="2" t="s">
        <v>51</v>
      </c>
      <c r="E14" s="4">
        <v>2011</v>
      </c>
    </row>
    <row r="15" spans="1:5" x14ac:dyDescent="0.55000000000000004">
      <c r="A15" s="4">
        <v>120010</v>
      </c>
      <c r="B15" s="2" t="s">
        <v>52</v>
      </c>
      <c r="C15" s="2" t="s">
        <v>11</v>
      </c>
      <c r="D15" s="2" t="s">
        <v>56</v>
      </c>
      <c r="E15" s="4">
        <v>2012</v>
      </c>
    </row>
    <row r="16" spans="1:5" x14ac:dyDescent="0.55000000000000004">
      <c r="A16" s="4">
        <v>120011</v>
      </c>
      <c r="B16" s="2" t="s">
        <v>53</v>
      </c>
      <c r="C16" s="2" t="s">
        <v>57</v>
      </c>
      <c r="D16" s="2" t="s">
        <v>58</v>
      </c>
      <c r="E16" s="4">
        <v>2003</v>
      </c>
    </row>
    <row r="17" spans="1:5" x14ac:dyDescent="0.55000000000000004">
      <c r="A17" s="4">
        <v>120013</v>
      </c>
      <c r="B17" s="2" t="s">
        <v>54</v>
      </c>
      <c r="C17" s="2" t="s">
        <v>59</v>
      </c>
      <c r="D17" s="2" t="s">
        <v>20</v>
      </c>
      <c r="E17" s="4">
        <v>2007</v>
      </c>
    </row>
    <row r="18" spans="1:5" x14ac:dyDescent="0.55000000000000004">
      <c r="A18" s="4">
        <v>120014</v>
      </c>
      <c r="B18" s="2" t="s">
        <v>55</v>
      </c>
      <c r="C18" s="2" t="s">
        <v>60</v>
      </c>
      <c r="D18" s="2" t="s">
        <v>33</v>
      </c>
      <c r="E18" s="4">
        <v>2010</v>
      </c>
    </row>
    <row r="19" spans="1:5" x14ac:dyDescent="0.55000000000000004">
      <c r="A19" s="4">
        <v>120015</v>
      </c>
      <c r="B19" s="2" t="s">
        <v>61</v>
      </c>
      <c r="C19" s="2" t="s">
        <v>62</v>
      </c>
      <c r="D19" s="2" t="s">
        <v>33</v>
      </c>
      <c r="E19" s="4">
        <v>2011</v>
      </c>
    </row>
    <row r="20" spans="1:5" x14ac:dyDescent="0.55000000000000004">
      <c r="A20" s="4">
        <v>120016</v>
      </c>
      <c r="B20" s="2" t="s">
        <v>63</v>
      </c>
      <c r="C20" s="2" t="s">
        <v>64</v>
      </c>
      <c r="D20" s="2" t="s">
        <v>33</v>
      </c>
      <c r="E20" s="4">
        <v>2009</v>
      </c>
    </row>
    <row r="21" spans="1:5" x14ac:dyDescent="0.55000000000000004">
      <c r="A21" s="4">
        <v>120021</v>
      </c>
      <c r="B21" s="2" t="s">
        <v>65</v>
      </c>
      <c r="C21" s="2" t="s">
        <v>66</v>
      </c>
      <c r="D21" s="2" t="s">
        <v>67</v>
      </c>
      <c r="E21" s="4">
        <v>2012</v>
      </c>
    </row>
    <row r="22" spans="1:5" x14ac:dyDescent="0.55000000000000004">
      <c r="A22" s="4">
        <v>120024</v>
      </c>
      <c r="B22" s="2" t="s">
        <v>68</v>
      </c>
      <c r="C22" s="2" t="s">
        <v>69</v>
      </c>
      <c r="D22" s="2" t="s">
        <v>12</v>
      </c>
      <c r="E22" s="4">
        <v>2011</v>
      </c>
    </row>
    <row r="23" spans="1:5" x14ac:dyDescent="0.55000000000000004">
      <c r="A23" s="4">
        <v>120027</v>
      </c>
      <c r="B23" s="2" t="s">
        <v>70</v>
      </c>
      <c r="C23" s="2" t="s">
        <v>71</v>
      </c>
      <c r="D23" s="2" t="s">
        <v>72</v>
      </c>
      <c r="E23" s="4">
        <v>1999</v>
      </c>
    </row>
    <row r="24" spans="1:5" x14ac:dyDescent="0.55000000000000004">
      <c r="A24" s="4">
        <v>120028</v>
      </c>
      <c r="B24" s="2" t="s">
        <v>73</v>
      </c>
      <c r="C24" s="2" t="s">
        <v>71</v>
      </c>
      <c r="D24" s="2" t="s">
        <v>17</v>
      </c>
      <c r="E24" s="4">
        <v>2003</v>
      </c>
    </row>
    <row r="25" spans="1:5" x14ac:dyDescent="0.55000000000000004">
      <c r="A25" s="4">
        <v>130005</v>
      </c>
      <c r="B25" s="2" t="s">
        <v>74</v>
      </c>
      <c r="C25" s="2" t="s">
        <v>131</v>
      </c>
      <c r="D25" s="2" t="s">
        <v>75</v>
      </c>
      <c r="E25" s="4">
        <v>2012</v>
      </c>
    </row>
    <row r="26" spans="1:5" x14ac:dyDescent="0.55000000000000004">
      <c r="A26" s="4">
        <v>130015</v>
      </c>
      <c r="B26" s="11" t="s">
        <v>76</v>
      </c>
      <c r="C26" s="2" t="s">
        <v>77</v>
      </c>
      <c r="D26" s="2" t="s">
        <v>78</v>
      </c>
      <c r="E26" s="4">
        <v>2009</v>
      </c>
    </row>
    <row r="27" spans="1:5" x14ac:dyDescent="0.55000000000000004">
      <c r="A27" s="4">
        <v>130020</v>
      </c>
      <c r="B27" s="2" t="s">
        <v>79</v>
      </c>
      <c r="C27" s="3" t="s">
        <v>80</v>
      </c>
      <c r="D27" s="2" t="s">
        <v>81</v>
      </c>
      <c r="E27" s="4">
        <v>2012</v>
      </c>
    </row>
    <row r="28" spans="1:5" x14ac:dyDescent="0.55000000000000004">
      <c r="A28" s="4">
        <v>130023</v>
      </c>
      <c r="B28" s="2" t="s">
        <v>82</v>
      </c>
      <c r="C28" s="2" t="s">
        <v>83</v>
      </c>
      <c r="D28" s="2" t="s">
        <v>84</v>
      </c>
      <c r="E28" s="4">
        <v>2012</v>
      </c>
    </row>
    <row r="29" spans="1:5" x14ac:dyDescent="0.55000000000000004">
      <c r="A29" s="4">
        <v>130034</v>
      </c>
      <c r="B29" s="2" t="s">
        <v>85</v>
      </c>
      <c r="C29" s="2" t="s">
        <v>86</v>
      </c>
      <c r="D29" s="2" t="s">
        <v>10</v>
      </c>
      <c r="E29" s="4">
        <v>2013</v>
      </c>
    </row>
    <row r="30" spans="1:5" ht="29" x14ac:dyDescent="0.55000000000000004">
      <c r="A30" s="4">
        <v>130035</v>
      </c>
      <c r="B30" s="2" t="s">
        <v>87</v>
      </c>
      <c r="C30" s="3" t="s">
        <v>88</v>
      </c>
      <c r="D30" s="2" t="s">
        <v>4</v>
      </c>
      <c r="E30" s="4">
        <v>2012</v>
      </c>
    </row>
    <row r="31" spans="1:5" x14ac:dyDescent="0.55000000000000004">
      <c r="A31" s="4">
        <v>130045</v>
      </c>
      <c r="B31" s="2" t="s">
        <v>89</v>
      </c>
      <c r="C31" s="2" t="s">
        <v>90</v>
      </c>
      <c r="D31" s="2" t="s">
        <v>51</v>
      </c>
      <c r="E31" s="4">
        <v>2013</v>
      </c>
    </row>
    <row r="32" spans="1:5" x14ac:dyDescent="0.55000000000000004">
      <c r="A32" s="4">
        <v>140008</v>
      </c>
      <c r="B32" s="2" t="s">
        <v>14</v>
      </c>
      <c r="C32" s="2" t="s">
        <v>15</v>
      </c>
      <c r="D32" s="2" t="s">
        <v>16</v>
      </c>
      <c r="E32" s="4">
        <v>2014</v>
      </c>
    </row>
    <row r="33" spans="1:5" x14ac:dyDescent="0.55000000000000004">
      <c r="A33" s="4">
        <v>160004</v>
      </c>
      <c r="B33" s="2" t="s">
        <v>91</v>
      </c>
      <c r="C33" s="2" t="s">
        <v>92</v>
      </c>
      <c r="D33" s="2" t="s">
        <v>93</v>
      </c>
      <c r="E33" s="4">
        <v>2016</v>
      </c>
    </row>
    <row r="34" spans="1:5" x14ac:dyDescent="0.55000000000000004">
      <c r="A34" s="4">
        <v>160005</v>
      </c>
      <c r="B34" s="2" t="s">
        <v>94</v>
      </c>
      <c r="C34" s="2" t="s">
        <v>95</v>
      </c>
      <c r="D34" s="2" t="s">
        <v>96</v>
      </c>
      <c r="E34" s="4">
        <v>2014</v>
      </c>
    </row>
    <row r="35" spans="1:5" x14ac:dyDescent="0.55000000000000004">
      <c r="A35" s="4">
        <v>160007</v>
      </c>
      <c r="B35" s="2" t="s">
        <v>97</v>
      </c>
      <c r="C35" s="2" t="s">
        <v>98</v>
      </c>
      <c r="D35" s="2" t="s">
        <v>93</v>
      </c>
      <c r="E35" s="4">
        <v>2016</v>
      </c>
    </row>
    <row r="36" spans="1:5" x14ac:dyDescent="0.55000000000000004">
      <c r="A36" s="4">
        <v>160010</v>
      </c>
      <c r="B36" s="2" t="s">
        <v>99</v>
      </c>
      <c r="C36" s="2" t="s">
        <v>100</v>
      </c>
      <c r="D36" s="2" t="s">
        <v>8</v>
      </c>
      <c r="E36" s="4">
        <v>2015</v>
      </c>
    </row>
    <row r="37" spans="1:5" x14ac:dyDescent="0.55000000000000004">
      <c r="A37" s="4">
        <v>160011</v>
      </c>
      <c r="B37" s="2" t="s">
        <v>101</v>
      </c>
      <c r="C37" s="2" t="s">
        <v>102</v>
      </c>
      <c r="D37" s="2" t="s">
        <v>9</v>
      </c>
      <c r="E37" s="4">
        <v>2003</v>
      </c>
    </row>
    <row r="38" spans="1:5" x14ac:dyDescent="0.55000000000000004">
      <c r="A38" s="4">
        <v>160020</v>
      </c>
      <c r="B38" s="2" t="s">
        <v>103</v>
      </c>
      <c r="C38" s="2" t="s">
        <v>98</v>
      </c>
      <c r="D38" s="2" t="s">
        <v>104</v>
      </c>
      <c r="E38" s="4">
        <v>2016</v>
      </c>
    </row>
    <row r="39" spans="1:5" x14ac:dyDescent="0.55000000000000004">
      <c r="A39" s="4">
        <v>160026</v>
      </c>
      <c r="B39" s="3" t="s">
        <v>105</v>
      </c>
      <c r="C39" s="2" t="s">
        <v>106</v>
      </c>
      <c r="D39" s="2" t="s">
        <v>107</v>
      </c>
      <c r="E39" s="4">
        <v>2017</v>
      </c>
    </row>
    <row r="40" spans="1:5" x14ac:dyDescent="0.55000000000000004">
      <c r="A40" s="4">
        <v>170005</v>
      </c>
      <c r="B40" s="2" t="s">
        <v>108</v>
      </c>
      <c r="C40" s="2" t="s">
        <v>109</v>
      </c>
      <c r="D40" s="2" t="s">
        <v>110</v>
      </c>
      <c r="E40" s="4">
        <v>2015</v>
      </c>
    </row>
    <row r="41" spans="1:5" x14ac:dyDescent="0.55000000000000004">
      <c r="A41" s="4">
        <v>180005</v>
      </c>
      <c r="B41" s="2" t="s">
        <v>111</v>
      </c>
      <c r="C41" s="2" t="s">
        <v>112</v>
      </c>
      <c r="D41" s="2" t="s">
        <v>113</v>
      </c>
      <c r="E41" s="4">
        <v>2018</v>
      </c>
    </row>
    <row r="42" spans="1:5" x14ac:dyDescent="0.55000000000000004">
      <c r="A42" s="4">
        <v>180018</v>
      </c>
      <c r="B42" s="2" t="s">
        <v>114</v>
      </c>
      <c r="C42" s="2" t="s">
        <v>25</v>
      </c>
      <c r="D42" s="2" t="s">
        <v>7</v>
      </c>
      <c r="E42" s="4">
        <v>2015</v>
      </c>
    </row>
    <row r="43" spans="1:5" x14ac:dyDescent="0.55000000000000004">
      <c r="A43" s="4">
        <v>180020</v>
      </c>
      <c r="B43" s="2" t="s">
        <v>115</v>
      </c>
      <c r="C43" s="2" t="s">
        <v>116</v>
      </c>
      <c r="D43" s="2" t="s">
        <v>117</v>
      </c>
      <c r="E43" s="4">
        <v>2012</v>
      </c>
    </row>
    <row r="44" spans="1:5" x14ac:dyDescent="0.55000000000000004">
      <c r="A44" s="4">
        <v>200001</v>
      </c>
      <c r="B44" s="2" t="s">
        <v>118</v>
      </c>
      <c r="C44" s="2" t="s">
        <v>119</v>
      </c>
      <c r="D44" s="2" t="s">
        <v>51</v>
      </c>
      <c r="E44" s="4">
        <v>2019</v>
      </c>
    </row>
    <row r="45" spans="1:5" x14ac:dyDescent="0.55000000000000004">
      <c r="A45" s="4">
        <v>200006</v>
      </c>
      <c r="B45" s="2" t="s">
        <v>120</v>
      </c>
      <c r="C45" s="2" t="s">
        <v>121</v>
      </c>
      <c r="D45" s="2" t="s">
        <v>18</v>
      </c>
      <c r="E45" s="4">
        <v>2018</v>
      </c>
    </row>
    <row r="46" spans="1:5" x14ac:dyDescent="0.55000000000000004">
      <c r="A46" s="4">
        <v>210014</v>
      </c>
      <c r="B46" s="2" t="s">
        <v>122</v>
      </c>
      <c r="C46" s="2" t="s">
        <v>123</v>
      </c>
      <c r="D46" s="2" t="s">
        <v>124</v>
      </c>
      <c r="E46" s="4">
        <v>2021</v>
      </c>
    </row>
    <row r="47" spans="1:5" x14ac:dyDescent="0.55000000000000004">
      <c r="A47" s="4">
        <v>230012</v>
      </c>
      <c r="B47" s="2" t="s">
        <v>125</v>
      </c>
      <c r="C47" s="2" t="s">
        <v>123</v>
      </c>
      <c r="D47" s="2" t="s">
        <v>126</v>
      </c>
      <c r="E47" s="4">
        <v>2023</v>
      </c>
    </row>
    <row r="48" spans="1:5" x14ac:dyDescent="0.55000000000000004">
      <c r="A48" s="4">
        <v>240001</v>
      </c>
      <c r="B48" s="2" t="s">
        <v>127</v>
      </c>
      <c r="C48" s="2" t="s">
        <v>128</v>
      </c>
      <c r="D48" s="2" t="s">
        <v>12</v>
      </c>
      <c r="E48" s="4">
        <v>2024</v>
      </c>
    </row>
    <row r="49" spans="1:5" x14ac:dyDescent="0.5">
      <c r="A49" s="4">
        <v>250012</v>
      </c>
      <c r="B49" s="12" t="s">
        <v>132</v>
      </c>
      <c r="C49" s="12" t="s">
        <v>137</v>
      </c>
      <c r="D49" s="13" t="s">
        <v>133</v>
      </c>
      <c r="E49" s="4">
        <v>2024</v>
      </c>
    </row>
    <row r="50" spans="1:5" x14ac:dyDescent="0.5">
      <c r="A50" s="4">
        <v>250014</v>
      </c>
      <c r="B50" s="12" t="s">
        <v>134</v>
      </c>
      <c r="C50" s="12" t="s">
        <v>135</v>
      </c>
      <c r="D50" s="12" t="s">
        <v>136</v>
      </c>
      <c r="E50" s="4">
        <v>2021</v>
      </c>
    </row>
    <row r="51" spans="1:5" x14ac:dyDescent="0.55000000000000004">
      <c r="A51" s="5"/>
      <c r="B51" s="6"/>
      <c r="C51" s="6"/>
      <c r="D51" s="6"/>
      <c r="E51" s="10"/>
    </row>
    <row r="52" spans="1:5" x14ac:dyDescent="0.55000000000000004">
      <c r="A52" s="5"/>
      <c r="B52" s="6"/>
      <c r="C52" s="6"/>
      <c r="D52" s="6"/>
      <c r="E52" s="10"/>
    </row>
    <row r="53" spans="1:5" x14ac:dyDescent="0.55000000000000004">
      <c r="A53" s="5"/>
      <c r="B53" s="6"/>
      <c r="C53" s="6"/>
      <c r="D53" s="6"/>
      <c r="E53" s="10"/>
    </row>
    <row r="54" spans="1:5" x14ac:dyDescent="0.55000000000000004">
      <c r="A54" s="5"/>
      <c r="B54" s="6"/>
      <c r="C54" s="6"/>
      <c r="D54" s="6"/>
      <c r="E54" s="10"/>
    </row>
    <row r="55" spans="1:5" x14ac:dyDescent="0.55000000000000004">
      <c r="A55" s="5"/>
      <c r="B55" s="6"/>
      <c r="C55" s="6"/>
      <c r="D55" s="6"/>
      <c r="E55" s="10"/>
    </row>
    <row r="56" spans="1:5" x14ac:dyDescent="0.55000000000000004">
      <c r="A56" s="5"/>
      <c r="B56" s="6"/>
      <c r="C56" s="6"/>
      <c r="D56" s="6"/>
      <c r="E56" s="10"/>
    </row>
    <row r="57" spans="1:5" x14ac:dyDescent="0.55000000000000004">
      <c r="A57" s="5"/>
      <c r="B57" s="6"/>
      <c r="C57" s="6"/>
      <c r="D57" s="6"/>
      <c r="E57" s="10"/>
    </row>
    <row r="58" spans="1:5" x14ac:dyDescent="0.55000000000000004">
      <c r="A58" s="5"/>
      <c r="B58" s="6"/>
      <c r="C58" s="6"/>
      <c r="D58" s="6"/>
      <c r="E58" s="10"/>
    </row>
    <row r="59" spans="1:5" x14ac:dyDescent="0.55000000000000004">
      <c r="A59" s="5"/>
      <c r="B59" s="6"/>
      <c r="C59" s="6"/>
      <c r="D59" s="6"/>
      <c r="E59" s="10"/>
    </row>
    <row r="60" spans="1:5" x14ac:dyDescent="0.55000000000000004">
      <c r="A60" s="5"/>
      <c r="B60" s="6"/>
      <c r="C60" s="6"/>
      <c r="D60" s="6"/>
      <c r="E60" s="10"/>
    </row>
    <row r="61" spans="1:5" x14ac:dyDescent="0.55000000000000004">
      <c r="A61" s="5"/>
      <c r="B61" s="6"/>
      <c r="C61" s="6"/>
      <c r="D61" s="6"/>
      <c r="E61" s="10"/>
    </row>
    <row r="62" spans="1:5" x14ac:dyDescent="0.55000000000000004">
      <c r="A62" s="5"/>
      <c r="B62" s="6"/>
      <c r="C62" s="6"/>
      <c r="D62" s="6"/>
      <c r="E62" s="10"/>
    </row>
    <row r="63" spans="1:5" x14ac:dyDescent="0.55000000000000004">
      <c r="A63" s="5"/>
      <c r="B63" s="6"/>
      <c r="C63" s="6"/>
      <c r="D63" s="6"/>
    </row>
    <row r="64" spans="1:5" x14ac:dyDescent="0.55000000000000004">
      <c r="A64" s="7"/>
      <c r="B64" s="8"/>
      <c r="C64" s="8"/>
      <c r="D64" s="8"/>
    </row>
    <row r="65" spans="1:4" x14ac:dyDescent="0.55000000000000004">
      <c r="A65" s="7"/>
      <c r="B65" s="8"/>
      <c r="C65" s="8"/>
      <c r="D65" s="8"/>
    </row>
    <row r="66" spans="1:4" x14ac:dyDescent="0.55000000000000004">
      <c r="A66" s="7"/>
      <c r="B66" s="8"/>
      <c r="C66" s="8"/>
      <c r="D66" s="8"/>
    </row>
    <row r="67" spans="1:4" x14ac:dyDescent="0.55000000000000004">
      <c r="A67" s="7"/>
      <c r="B67" s="8"/>
      <c r="C67" s="8"/>
      <c r="D67" s="8"/>
    </row>
    <row r="68" spans="1:4" x14ac:dyDescent="0.55000000000000004">
      <c r="A68" s="7"/>
      <c r="B68" s="8"/>
      <c r="C68" s="8"/>
      <c r="D68" s="8"/>
    </row>
    <row r="69" spans="1:4" x14ac:dyDescent="0.55000000000000004">
      <c r="A69" s="9"/>
      <c r="B69" s="9"/>
      <c r="C69" s="9"/>
      <c r="D69" s="9"/>
    </row>
    <row r="70" spans="1:4" x14ac:dyDescent="0.55000000000000004">
      <c r="A70" s="9"/>
      <c r="B70" s="9"/>
      <c r="C70" s="9"/>
      <c r="D70" s="9"/>
    </row>
    <row r="71" spans="1:4" x14ac:dyDescent="0.55000000000000004">
      <c r="A71" s="9"/>
      <c r="B71" s="9"/>
      <c r="C71" s="9"/>
      <c r="D71" s="9"/>
    </row>
    <row r="72" spans="1:4" x14ac:dyDescent="0.55000000000000004">
      <c r="A72" s="9"/>
      <c r="B72" s="9"/>
      <c r="C72" s="9"/>
      <c r="D72" s="9"/>
    </row>
    <row r="73" spans="1:4" x14ac:dyDescent="0.55000000000000004">
      <c r="A73" s="9"/>
      <c r="B73" s="9"/>
      <c r="C73" s="9"/>
      <c r="D73" s="9"/>
    </row>
  </sheetData>
  <mergeCells count="1">
    <mergeCell ref="A1:D1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地域づくり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　佳子</dc:creator>
  <cp:lastModifiedBy>井上　佳子</cp:lastModifiedBy>
  <cp:lastPrinted>2026-01-21T07:32:37Z</cp:lastPrinted>
  <dcterms:created xsi:type="dcterms:W3CDTF">2025-02-07T02:13:17Z</dcterms:created>
  <dcterms:modified xsi:type="dcterms:W3CDTF">2026-03-03T02:14:05Z</dcterms:modified>
</cp:coreProperties>
</file>